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udewat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A9CC57E5-F411-A5B1-58CB-8A306B3AA3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0470" y="4814564"/>
            <a:ext cx="1613105" cy="186797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A9CC57E5-F411-A5B1-58CB-8A306B3AA3A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39745" y="3769536"/>
            <a:ext cx="1395639" cy="161615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2-09T14:24:10Z</dcterms:modified>
</cp:coreProperties>
</file>